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A9D288D1-B8D5-4480-B523-37BFDE5F487C}" xr6:coauthVersionLast="45" xr6:coauthVersionMax="45" xr10:uidLastSave="{00000000-0000-0000-0000-000000000000}"/>
  <bookViews>
    <workbookView xWindow="2180" yWindow="2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53" uniqueCount="209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นางสมหวัง  ทองวิชิต</t>
  </si>
  <si>
    <t>ร้อยเอ็ด</t>
  </si>
  <si>
    <t>กาญจนบุรี</t>
  </si>
  <si>
    <t>ราชบุรี</t>
  </si>
  <si>
    <t>เชียงใหม่</t>
  </si>
  <si>
    <t>พะเยา</t>
  </si>
  <si>
    <t>สมหวัง ทองวิชิต</t>
  </si>
  <si>
    <t>บริษัท ประชารัฐรักสามัคคีสิงห์บุรี (วิสาหกิจเพื่อสังคม) จำกัด</t>
  </si>
  <si>
    <t>กลุ่มจักสานผักตบชวาบ้านบางตาแผ่น</t>
  </si>
  <si>
    <t xml:space="preserve">กลุ่มทอผ้าไหมบ้านตาลอง </t>
  </si>
  <si>
    <t xml:space="preserve">กลุ่มแปรรูปผลิตภัณฑ์พื้นเมืองบ้านดินทรายอ่อน </t>
  </si>
  <si>
    <t>กลุ่มพัฒนาสตรีบ้านสวนปอ</t>
  </si>
  <si>
    <t>กลุ่มทอผ้าบ้านห้วยทราย</t>
  </si>
  <si>
    <t xml:space="preserve"> กลุ่มกระจูดมลิวัล </t>
  </si>
  <si>
    <t>กลุ่มภาชามาไหมไทย</t>
  </si>
  <si>
    <t xml:space="preserve">กลุ่มทอผ้าบ้านคำโพนทอง </t>
  </si>
  <si>
    <t xml:space="preserve">กลุ่มสตรีศิลปาชีพ (พิเศษ) ป่านศรนารายณ์ </t>
  </si>
  <si>
    <t xml:space="preserve">กลุ่มทอผ้าและตัดเย็บบ้านหาดเสี้ยว </t>
  </si>
  <si>
    <t>กลุ่มแปรรูปผ้าขาวม้านุชบา</t>
  </si>
  <si>
    <t xml:space="preserve">บริษัท ประชารัฐรักสามัคคีอำนาจเจริญ (วิสาหกิจเพื่อสังคม) จำกัด </t>
  </si>
  <si>
    <t>ดลมณี  Don Manee</t>
  </si>
  <si>
    <t xml:space="preserve">กลุ่มสตรีจักสานกระจูด  </t>
  </si>
  <si>
    <t xml:space="preserve">กลุ่มสตรีสานเสื่อกระจูดบ้านโคกพะยอม    </t>
  </si>
  <si>
    <t>ร้านมัลลิกา กิ๊ฟชอป </t>
  </si>
  <si>
    <t>บริษัท ประชารัฐรักสามัคคีพะเยา (วิสาหกิจเพื่อสังคม) จำกัด</t>
  </si>
  <si>
    <t>กลุ่มผ้าขาวม้า ดารานาคี เช็คอิน@บึงกาฬ</t>
  </si>
  <si>
    <t>Look Crafts (งานไม้แกะสลัก)</t>
  </si>
  <si>
    <t>กลุ่มอาชีพผู้สูงอายุตำบลบ้านทุ่ม</t>
  </si>
  <si>
    <t>สิริกร เฮอร์เบิล ฮับ (เครื่องหอมสิริกร)</t>
  </si>
  <si>
    <t>กลุ่มอาชีพสตรีทอผ้าไหม-ผ้าฝ้าย (ผ้าภูอัคนี)</t>
  </si>
  <si>
    <t>กลุ่มทอผ้าและตัดเย็บบ้านหาดเสี้ยว จ.สุโขทัย</t>
  </si>
  <si>
    <t>บริษัท ประชารัฐรักสามัคคี นครพนม (วิสาหกิจเพื่อสังคม) จำกัด</t>
  </si>
  <si>
    <t>กลุ่มทอผ้าพื้นเมืองบ้านหนองปิง</t>
  </si>
  <si>
    <t>กลุ่มแม่บ้านหมอนสมุนไพรเพื่อสุขภาพ</t>
  </si>
  <si>
    <t>บริษัท ไทยสมาร์ทไลฟ์ จำกัด</t>
  </si>
  <si>
    <t>บริษัท ประชารักสามัคคีพระนครศรีอยุธยา (วิสาหกิจเพื่อสังคม)  จำกัด</t>
  </si>
  <si>
    <t>กลุ่มแม่บ้านแปรรูปครีมมะขาม</t>
  </si>
  <si>
    <t>กิจการเพื่อสังคม บ้านรักษ์ดิน Organic farm</t>
  </si>
  <si>
    <t>นายศักดิ์วิมล ศรีเมือง</t>
  </si>
  <si>
    <t>กระจูดราตรี  จังหวัดนครศรีธรรมราช</t>
  </si>
  <si>
    <t>นางสาวปานิดา  สิงห์สา</t>
  </si>
  <si>
    <t>นางวันเพ็ญ  แพร่หลาย</t>
  </si>
  <si>
    <t>นางเมือง  โยยรัมย์</t>
  </si>
  <si>
    <t>นายวรพงษ์  ชัยรัตน์</t>
  </si>
  <si>
    <t>นางณัฐรดา  แก้วชมพู</t>
  </si>
  <si>
    <t>นายประคอง  คงเกื้อ</t>
  </si>
  <si>
    <t>นางสาวสุพัตรา  แสงกองมี</t>
  </si>
  <si>
    <t>นางสาวทัชชา  ปรีดาวิจิตรกุล</t>
  </si>
  <si>
    <t>นายนัฐพร  มหิพันธุ์</t>
  </si>
  <si>
    <t xml:space="preserve">นางสำเนา  เกาะเกตุ  </t>
  </si>
  <si>
    <t>นางสุจินต์  โพธิวิจิตร</t>
  </si>
  <si>
    <t>นางเยาวเรศ  พูนจิตร</t>
  </si>
  <si>
    <t>นายภักดี พลเยี่ยม</t>
  </si>
  <si>
    <t>คุณอนุภา  มณีจันทร์</t>
  </si>
  <si>
    <t>คุณวาฟา  มะซอ</t>
  </si>
  <si>
    <t>คุณยามีละห์  ดอเล๊าะ</t>
  </si>
  <si>
    <t>นางสาวมัลลิกา สงเคราะห์</t>
  </si>
  <si>
    <t>นายปัณนยวรรธน์ วงศ์ไชย</t>
  </si>
  <si>
    <t>คุณนิตยา แก้วเตียม</t>
  </si>
  <si>
    <t>นายปริญญา    สุวรรณศรี</t>
  </si>
  <si>
    <t>คุณสิริกร ประสาทศรี</t>
  </si>
  <si>
    <t xml:space="preserve"> นางธัญทิพย์  จิรวัชรวรพงค์</t>
  </si>
  <si>
    <t>คุณสุจินต์  โพธิวิจิตร</t>
  </si>
  <si>
    <t>คุณสุพัตรา  อนุไพร</t>
  </si>
  <si>
    <t>นางเนตรทราย  สุทันติกร</t>
  </si>
  <si>
    <t>นายจักรภัทร  กรธนทรัพย์</t>
  </si>
  <si>
    <t>คุณแม่แสงดี เผ่ากันทะ</t>
  </si>
  <si>
    <t>นายสิริกร  ลิ้มสุวรรณ</t>
  </si>
  <si>
    <t>คุณราตรี นาคสุทธิ์</t>
  </si>
  <si>
    <t xml:space="preserve">333  หมู่ที่ 1 ตำบลพรหมบุรี  อำเภอพรหมบุรี  จังหวัดสิงห์บุรี  </t>
  </si>
  <si>
    <t xml:space="preserve">19/2 หมู่ที่ 1 ตำบลคลองวัน  อำเภอเมือง จังหวัดอ่างทอง </t>
  </si>
  <si>
    <t xml:space="preserve">76  หมู่ที่ 7 ตำบลทุ่งวัง  อำเภอสตึก  จังหวัดบุรีรัมย์  </t>
  </si>
  <si>
    <t xml:space="preserve">121  หมู่ 6  ตำบลหัวนา  อำเภอเมือง  จังหวัดหนองบัวลำภู  </t>
  </si>
  <si>
    <t xml:space="preserve">กลุ่มพัฒนาสตรีบ้านสวนปอ  หมู่ 6 ตำบลหนองแคน   อำเภอปทุมรัตน์  จังหวัดร้อยเอ็ด  </t>
  </si>
  <si>
    <t xml:space="preserve">204  หมู่ที่ 5 ตำบลบ้านแปะ  อำเภอจอมทอง  จังหวัดเชียงใหม่ </t>
  </si>
  <si>
    <t xml:space="preserve">6  หมู่ 1 ตำบลเคร้ง  อำเภอชะอวด  จังหวัดนครศรีธรรมราช  </t>
  </si>
  <si>
    <t xml:space="preserve">91 หมู่ 2  บ้านสะง้อ  ตำบลหอคำ  อำเภอเมืองบึงกาฬ  จังหวัดบึงกาฬ </t>
  </si>
  <si>
    <t xml:space="preserve">61 หมู่ที่ 1 ตำบลธงชัยเหนือ อำเภอปักธงชัย  จังหวัดนครราชสีมา  </t>
  </si>
  <si>
    <t xml:space="preserve">23 หมู่ที่ 5 ตำบลโคกสมบูรณ์  อำเภอกมลาไสย  จังหวัดกาฬสินธุ์  </t>
  </si>
  <si>
    <t xml:space="preserve">5 หมู่ที่ 8 ตำบลเขาใหญ่  อำเภอชะอำ  จังหวัดเพชรบุรี  </t>
  </si>
  <si>
    <t xml:space="preserve">434  หมู่  2 ตำบลหาดเสี้ยว  อำเภอศรีสัชนาลัย จังหวัดสุโขทัย  </t>
  </si>
  <si>
    <t xml:space="preserve">100 หมู่ 1 ตำบลนาเต้  อำเภอเมือง  จังหวัดอำนาจเจริญ  </t>
  </si>
  <si>
    <t xml:space="preserve">500 หมู่ 7 ถนนชยางกูร  ตำบลบุ่ง อำเภอเมือง จังหวัดอำนาจเจริญ </t>
  </si>
  <si>
    <t xml:space="preserve">2/1 หมู่ที่ 5 ตำบลดอนแร่  อำเภอเมืองราชบุรี  จังหวัดราชบุรี </t>
  </si>
  <si>
    <t xml:space="preserve">151/3 ตำบลกะลุวอ อำเภอเมือง จังหวัดนราธิวาส  </t>
  </si>
  <si>
    <t xml:space="preserve">95  ม.2 ตำบลโคกเคียน อำเภอเมือง จังหวัดนราธิวาส </t>
  </si>
  <si>
    <t xml:space="preserve">119/7 ถนนประชาธิปไตย ตำบลท่าพี่เลี้ยง อำเภอเมือง จังหวัดสุพรรณบุรี </t>
  </si>
  <si>
    <t xml:space="preserve">167/9 หมู่ 3 ถ.พหลโยธิน ตำบลท่าวังทอง อำเภอเมือง  จังหวัดพะเยา   </t>
  </si>
  <si>
    <t xml:space="preserve">134 บ้านหลุก หมู่ 12  ตำบลนาครัว  อำเภอแม่ทะ  จังหวัดลำปาง  </t>
  </si>
  <si>
    <t>417/1 หมู่ 12 บ้านทุ่ม ตำบลบ้านทุ่ม  อำเภอเมือง  จังหวัดขอนแก่น</t>
  </si>
  <si>
    <t xml:space="preserve">119/46 ม.5 ซอย28 ถนนบางกรวย-ไทรน้อย ตำบลบางสีทอง อำเภอบางกรวย จังหวัดนนทบุรี </t>
  </si>
  <si>
    <t xml:space="preserve">143 หมู่ 12 ตำบลเจริญสุข  อำเภอเฉลิมพระเกียรติ  จังหวัดบุรีรัมย์  </t>
  </si>
  <si>
    <t xml:space="preserve">434  ม.2  ตำบลหาดเสี้ยว อำเภอศรีสัชนาลัย  จังหวัดสุโขทัย </t>
  </si>
  <si>
    <t>182/7 ถนนพินิจรังสรรค์  ตำบลในเมือง  อำเภอเมืองนครพนม   จังหวัดนครพนม</t>
  </si>
  <si>
    <t xml:space="preserve">77 หมู่ 6 ตำบลโคกม่วง อำบลโนนลัง   จังหวัดหนองบัวลำภู  </t>
  </si>
  <si>
    <t xml:space="preserve">13/4  ถนนวิทยะธำรงค์  ตำบลในเมือง  อำเภอเมือง  จังหวัดยโสธร  </t>
  </si>
  <si>
    <t xml:space="preserve">322 หมู่ 9  ตำบลเขื่องขำ  อำเภอเมือง จังหวัดยโสธร </t>
  </si>
  <si>
    <t>126 หมู่ 3 ถ.สายเอเชีย ตำบลคลองสวนพลู  อำเภอพระนครศรีอยุธยา  จังหวัดพระนครศรีอยุธยา</t>
  </si>
  <si>
    <t xml:space="preserve">กลุ่มแม่บ้านแปรรูปครีมมะขาม  ถนน พหลโยธิน ตำบลบ้านต๋อม อำเภอเมืองพะเยา จังหวัดพะเยา </t>
  </si>
  <si>
    <t xml:space="preserve">156/51 หมู่ที่ 9  ตำบลปากแพรก  อำเภอเมืองกาญจนบุรี  จังหวัดกาญจนบุรี </t>
  </si>
  <si>
    <t xml:space="preserve"> 31/3 หมู่.1 ตำบลบางริ้นอ  อำเภอเมือง จังหวัดระนอง </t>
  </si>
  <si>
    <t xml:space="preserve"> 27 ถ.ถาวรรัตน์  ตำบลชะอวด  อำเภอชะอวด  จังหวัดนครศรีธรรมราช  </t>
  </si>
  <si>
    <t>72000</t>
  </si>
  <si>
    <t>52150</t>
  </si>
  <si>
    <t>13000</t>
  </si>
  <si>
    <t>71000</t>
  </si>
  <si>
    <t>สิงห์บุรี</t>
  </si>
  <si>
    <t>อ่างทอง</t>
  </si>
  <si>
    <t>บุรีรัมย์</t>
  </si>
  <si>
    <t>หนองบัวลำภู</t>
  </si>
  <si>
    <t>นครศรีธรรมราช</t>
  </si>
  <si>
    <t>บึงกาฬ</t>
  </si>
  <si>
    <t>นครราชสีมา</t>
  </si>
  <si>
    <t>กาฬสินธุ์</t>
  </si>
  <si>
    <t>เพชรบุรี</t>
  </si>
  <si>
    <t>สุโขทัย</t>
  </si>
  <si>
    <t>อำนาจเจริญ</t>
  </si>
  <si>
    <t>นราธิวาส</t>
  </si>
  <si>
    <t>สุพรรณบุรี</t>
  </si>
  <si>
    <t>ลำปาง</t>
  </si>
  <si>
    <t>ขอนแก่น</t>
  </si>
  <si>
    <t>นนทบุรี</t>
  </si>
  <si>
    <t>นครพนม</t>
  </si>
  <si>
    <t>ยโสธร</t>
  </si>
  <si>
    <t>พระนครศรีอยุธยา</t>
  </si>
  <si>
    <t>ระนอง</t>
  </si>
  <si>
    <t>083-764-5339 082-724-0322</t>
  </si>
  <si>
    <t>069-6970909</t>
  </si>
  <si>
    <t>098-636-2058</t>
  </si>
  <si>
    <t>081-592-6185 042-353466</t>
  </si>
  <si>
    <t>081-060-6742</t>
  </si>
  <si>
    <t>094-951-4124</t>
  </si>
  <si>
    <t>081-077-0368 080-143-1248</t>
  </si>
  <si>
    <t>091-061-2024 095-664-7134</t>
  </si>
  <si>
    <t>080-166-6177</t>
  </si>
  <si>
    <t>081-739-1434</t>
  </si>
  <si>
    <t>086-160-4549</t>
  </si>
  <si>
    <t>081-374-1422</t>
  </si>
  <si>
    <t>080-333-8399</t>
  </si>
  <si>
    <t>095-618-6438</t>
  </si>
  <si>
    <t>094-564-1962</t>
  </si>
  <si>
    <t>094-003-6227</t>
  </si>
  <si>
    <t>087-296-1364</t>
  </si>
  <si>
    <t>083-012-1303</t>
  </si>
  <si>
    <t>081-881-8333,086-414-9821</t>
  </si>
  <si>
    <t>090-253-9902 , 084-134-4633</t>
  </si>
  <si>
    <t>062-684-5428</t>
  </si>
  <si>
    <t>089-414-2999</t>
  </si>
  <si>
    <t>097-007-4244,089-526-6071,082-574-6650</t>
  </si>
  <si>
    <t xml:space="preserve">093-364-5031, 093-018-9626 </t>
  </si>
  <si>
    <t>045-715374,081-631-7009</t>
  </si>
  <si>
    <t>062-197-4656</t>
  </si>
  <si>
    <t>035-213828</t>
  </si>
  <si>
    <t>081-9528853</t>
  </si>
  <si>
    <t>085-917-7531 , 081-944-5839</t>
  </si>
  <si>
    <t>096-675-9166</t>
  </si>
  <si>
    <t>089-731-3865</t>
  </si>
  <si>
    <t>0945641962</t>
  </si>
  <si>
    <t>aewmullika</t>
  </si>
  <si>
    <t>nita 2509</t>
  </si>
  <si>
    <t>@sirikornherb</t>
  </si>
  <si>
    <t>@maesangdee (มี@</t>
  </si>
  <si>
    <t>0897313865</t>
  </si>
  <si>
    <t>ภูริษาผ้าไทย</t>
  </si>
  <si>
    <t>OTOP บ้านห้วยทราย &amp; กาแฟสด</t>
  </si>
  <si>
    <t>Daranakee ผ้าขาวม้าดารานาคี ทอมือ ย้อมสีธรรมชาติ หมักโคลนนาคี 100%</t>
  </si>
  <si>
    <t>ด่านเหนือแพรฝ้าย</t>
  </si>
  <si>
    <t>กลุ่มสตรีศิลปาชีพพิเศษป่านศรนารายณ์</t>
  </si>
  <si>
    <t>นุชบา OTOP</t>
  </si>
  <si>
    <t>OTOP Shop</t>
  </si>
  <si>
    <t>Don Manee กระเป๋าผ้าทอ และผ้าทอมือ</t>
  </si>
  <si>
    <t>Mullika Handmade</t>
  </si>
  <si>
    <t>บริษัท ประชารัฐรักสามัคคีพะเยา จํากัด</t>
  </si>
  <si>
    <t>Look Women Crafts</t>
  </si>
  <si>
    <t>เครื่องหอมสิริกร น้ำหอมกลิ่นดอกไม้ไทย Sirikorn Thai Perfume</t>
  </si>
  <si>
    <t>www.facebook.com/maesangdee</t>
  </si>
  <si>
    <t>facebook.com/baanrakdinorganicfarm</t>
  </si>
  <si>
    <t>Kajud Ratree</t>
  </si>
  <si>
    <t>nattaphon7391434@gmail.com</t>
  </si>
  <si>
    <t>wandee888@gmail.com</t>
  </si>
  <si>
    <t>mullikasongkraw@gmail.com</t>
  </si>
  <si>
    <t>pracharathphayao@gmail.com</t>
  </si>
  <si>
    <t>jj_maxi@hotmail.com</t>
  </si>
  <si>
    <t>sirikornherb@gmail.com</t>
  </si>
  <si>
    <t>foodroup@thanlux.com</t>
  </si>
  <si>
    <t> maesangdee1@hotmail.com</t>
  </si>
  <si>
    <t>baanrakdin_001@hotmail.com</t>
  </si>
  <si>
    <t>ratree.ns089@gmail.com</t>
  </si>
  <si>
    <t>https://www.praflie.com</t>
  </si>
  <si>
    <t>www.mullikahandmade.com</t>
  </si>
  <si>
    <t>http://thanlux.net</t>
  </si>
  <si>
    <t>www.ครีมมะขามพะเยาแม่แสงดี.com</t>
  </si>
  <si>
    <t>www.BAANRAKDIN.COM</t>
  </si>
  <si>
    <t>ร้านค้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14993743705557422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/>
    </xf>
    <xf numFmtId="0" fontId="2" fillId="5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 wrapText="1"/>
    </xf>
    <xf numFmtId="0" fontId="2" fillId="5" borderId="8" xfId="0" applyNumberFormat="1" applyFont="1" applyFill="1" applyBorder="1" applyAlignment="1">
      <alignment vertical="center" wrapText="1"/>
    </xf>
    <xf numFmtId="0" fontId="2" fillId="5" borderId="7" xfId="0" quotePrefix="1" applyNumberFormat="1" applyFont="1" applyFill="1" applyBorder="1" applyAlignment="1">
      <alignment vertical="center"/>
    </xf>
    <xf numFmtId="0" fontId="4" fillId="5" borderId="7" xfId="1" applyNumberFormat="1" applyFont="1" applyFill="1" applyBorder="1" applyAlignment="1">
      <alignment vertical="center"/>
    </xf>
    <xf numFmtId="0" fontId="6" fillId="5" borderId="7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baanrakdin.com/" TargetMode="External"/><Relationship Id="rId1" Type="http://schemas.openxmlformats.org/officeDocument/2006/relationships/hyperlink" Target="http://thanlux.net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36"/>
  <sheetViews>
    <sheetView showGridLines="0" tabSelected="1" topLeftCell="A14" workbookViewId="0">
      <selection activeCell="B26" sqref="B26"/>
    </sheetView>
  </sheetViews>
  <sheetFormatPr defaultColWidth="16.36328125" defaultRowHeight="19.899999999999999" customHeight="1"/>
  <cols>
    <col min="1" max="1" width="64.453125" style="8" bestFit="1" customWidth="1"/>
    <col min="2" max="2" width="20.36328125" style="8" bestFit="1" customWidth="1"/>
    <col min="3" max="12" width="16.36328125" style="8" customWidth="1"/>
    <col min="13" max="16384" width="16.36328125" style="8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9" t="s">
        <v>1</v>
      </c>
      <c r="B2" s="10" t="s">
        <v>2</v>
      </c>
      <c r="C2" s="9" t="s">
        <v>3</v>
      </c>
      <c r="D2" s="9" t="s">
        <v>4</v>
      </c>
      <c r="E2" s="9" t="s">
        <v>5</v>
      </c>
      <c r="F2" s="9" t="s">
        <v>6</v>
      </c>
      <c r="G2" s="9" t="s">
        <v>7</v>
      </c>
      <c r="H2" s="9" t="s">
        <v>8</v>
      </c>
      <c r="I2" s="9" t="s">
        <v>9</v>
      </c>
      <c r="J2" s="9" t="s">
        <v>10</v>
      </c>
      <c r="K2" s="9" t="s">
        <v>11</v>
      </c>
    </row>
    <row r="3" spans="1:11" ht="22.4" customHeight="1">
      <c r="A3" s="11"/>
      <c r="B3" s="12" t="s">
        <v>12</v>
      </c>
      <c r="C3" s="11"/>
      <c r="D3" s="11"/>
      <c r="E3" s="11"/>
      <c r="F3" s="11"/>
      <c r="G3" s="11"/>
      <c r="H3" s="11"/>
      <c r="I3" s="11"/>
      <c r="J3" s="11"/>
      <c r="K3" s="11"/>
    </row>
    <row r="4" spans="1:11" ht="19.899999999999999" customHeight="1">
      <c r="A4" s="4" t="s">
        <v>22</v>
      </c>
      <c r="B4" s="8" t="s">
        <v>14</v>
      </c>
      <c r="C4" s="5" t="s">
        <v>55</v>
      </c>
      <c r="D4" s="5" t="s">
        <v>84</v>
      </c>
      <c r="E4" s="5">
        <v>16120</v>
      </c>
      <c r="F4" s="5" t="s">
        <v>121</v>
      </c>
      <c r="G4" s="6" t="s">
        <v>141</v>
      </c>
      <c r="H4" s="5"/>
      <c r="I4" s="5"/>
      <c r="J4" s="5"/>
      <c r="K4" s="7"/>
    </row>
    <row r="5" spans="1:11" ht="19.899999999999999" customHeight="1">
      <c r="A5" s="4" t="s">
        <v>23</v>
      </c>
      <c r="B5" s="8" t="s">
        <v>13</v>
      </c>
      <c r="C5" s="5" t="s">
        <v>56</v>
      </c>
      <c r="D5" s="6" t="s">
        <v>85</v>
      </c>
      <c r="E5" s="5">
        <v>14000</v>
      </c>
      <c r="F5" s="6" t="s">
        <v>122</v>
      </c>
      <c r="G5" s="5" t="s">
        <v>142</v>
      </c>
      <c r="H5" s="15" t="s">
        <v>142</v>
      </c>
      <c r="I5" s="5" t="s">
        <v>23</v>
      </c>
      <c r="J5" s="5"/>
      <c r="K5" s="7"/>
    </row>
    <row r="6" spans="1:11" ht="19.899999999999999" customHeight="1">
      <c r="A6" s="13" t="s">
        <v>24</v>
      </c>
      <c r="B6" s="8" t="s">
        <v>13</v>
      </c>
      <c r="C6" s="15" t="s">
        <v>57</v>
      </c>
      <c r="D6" s="17" t="s">
        <v>86</v>
      </c>
      <c r="E6" s="15">
        <v>31150</v>
      </c>
      <c r="F6" s="17" t="s">
        <v>123</v>
      </c>
      <c r="G6" s="15" t="s">
        <v>143</v>
      </c>
      <c r="H6" s="15"/>
      <c r="I6" s="15"/>
      <c r="J6" s="15"/>
      <c r="K6" s="15"/>
    </row>
    <row r="7" spans="1:11" ht="19.899999999999999" customHeight="1">
      <c r="A7" s="13" t="s">
        <v>25</v>
      </c>
      <c r="B7" s="8" t="s">
        <v>13</v>
      </c>
      <c r="C7" s="15" t="s">
        <v>58</v>
      </c>
      <c r="D7" s="17" t="s">
        <v>87</v>
      </c>
      <c r="E7" s="15">
        <v>39000</v>
      </c>
      <c r="F7" s="17" t="s">
        <v>124</v>
      </c>
      <c r="G7" s="17" t="s">
        <v>144</v>
      </c>
      <c r="H7" s="15"/>
      <c r="I7" s="15" t="s">
        <v>178</v>
      </c>
      <c r="J7" s="15"/>
      <c r="K7" s="15"/>
    </row>
    <row r="8" spans="1:11" ht="19.899999999999999" customHeight="1">
      <c r="A8" s="14" t="s">
        <v>26</v>
      </c>
      <c r="B8" s="8" t="s">
        <v>13</v>
      </c>
      <c r="C8" s="16" t="s">
        <v>15</v>
      </c>
      <c r="D8" s="18" t="s">
        <v>88</v>
      </c>
      <c r="E8" s="16">
        <v>45109</v>
      </c>
      <c r="F8" s="18" t="s">
        <v>16</v>
      </c>
      <c r="G8" s="18" t="s">
        <v>145</v>
      </c>
      <c r="H8" s="16" t="s">
        <v>145</v>
      </c>
      <c r="I8" s="16" t="s">
        <v>21</v>
      </c>
      <c r="J8" s="16"/>
      <c r="K8" s="16"/>
    </row>
    <row r="9" spans="1:11" ht="19.899999999999999" customHeight="1">
      <c r="A9" s="13" t="s">
        <v>27</v>
      </c>
      <c r="B9" s="8" t="s">
        <v>13</v>
      </c>
      <c r="C9" s="15" t="s">
        <v>59</v>
      </c>
      <c r="D9" s="17" t="s">
        <v>89</v>
      </c>
      <c r="E9" s="15">
        <v>50240</v>
      </c>
      <c r="F9" s="17" t="s">
        <v>19</v>
      </c>
      <c r="G9" s="17" t="s">
        <v>146</v>
      </c>
      <c r="H9" s="15"/>
      <c r="I9" s="15" t="s">
        <v>179</v>
      </c>
      <c r="J9" s="15"/>
      <c r="K9" s="15"/>
    </row>
    <row r="10" spans="1:11" ht="19.899999999999999" customHeight="1">
      <c r="A10" s="13" t="s">
        <v>28</v>
      </c>
      <c r="B10" s="8" t="s">
        <v>13</v>
      </c>
      <c r="C10" s="15" t="s">
        <v>60</v>
      </c>
      <c r="D10" s="17" t="s">
        <v>90</v>
      </c>
      <c r="E10" s="15">
        <v>80180</v>
      </c>
      <c r="F10" s="17" t="s">
        <v>125</v>
      </c>
      <c r="G10" s="17" t="s">
        <v>147</v>
      </c>
      <c r="H10" s="15"/>
      <c r="I10" s="15"/>
      <c r="J10" s="15"/>
      <c r="K10" s="15"/>
    </row>
    <row r="11" spans="1:11" ht="19.899999999999999" customHeight="1">
      <c r="A11" s="13" t="s">
        <v>40</v>
      </c>
      <c r="B11" s="8" t="s">
        <v>13</v>
      </c>
      <c r="C11" s="15" t="s">
        <v>61</v>
      </c>
      <c r="D11" s="17" t="s">
        <v>91</v>
      </c>
      <c r="E11" s="15">
        <v>38000</v>
      </c>
      <c r="F11" s="17" t="s">
        <v>126</v>
      </c>
      <c r="G11" s="17" t="s">
        <v>148</v>
      </c>
      <c r="H11" s="15"/>
      <c r="I11" s="15" t="s">
        <v>180</v>
      </c>
      <c r="J11" s="15"/>
      <c r="K11" s="15"/>
    </row>
    <row r="12" spans="1:11" ht="19.899999999999999" customHeight="1">
      <c r="A12" s="13" t="s">
        <v>29</v>
      </c>
      <c r="B12" s="8" t="s">
        <v>13</v>
      </c>
      <c r="C12" s="15" t="s">
        <v>62</v>
      </c>
      <c r="D12" s="17" t="s">
        <v>92</v>
      </c>
      <c r="E12" s="15">
        <v>30150</v>
      </c>
      <c r="F12" s="17" t="s">
        <v>127</v>
      </c>
      <c r="G12" s="15" t="s">
        <v>149</v>
      </c>
      <c r="H12" s="15"/>
      <c r="I12" s="15"/>
      <c r="J12" s="15"/>
      <c r="K12" s="15"/>
    </row>
    <row r="13" spans="1:11" ht="19.899999999999999" customHeight="1">
      <c r="A13" s="13" t="s">
        <v>30</v>
      </c>
      <c r="B13" s="8" t="s">
        <v>13</v>
      </c>
      <c r="C13" s="15" t="s">
        <v>63</v>
      </c>
      <c r="D13" s="17" t="s">
        <v>93</v>
      </c>
      <c r="E13" s="15">
        <v>46130</v>
      </c>
      <c r="F13" s="17" t="s">
        <v>128</v>
      </c>
      <c r="G13" s="15" t="s">
        <v>150</v>
      </c>
      <c r="H13" s="15"/>
      <c r="I13" s="15" t="s">
        <v>181</v>
      </c>
      <c r="J13" s="15" t="s">
        <v>193</v>
      </c>
      <c r="K13" s="15" t="s">
        <v>203</v>
      </c>
    </row>
    <row r="14" spans="1:11" ht="19.899999999999999" customHeight="1">
      <c r="A14" s="13" t="s">
        <v>31</v>
      </c>
      <c r="B14" s="8" t="s">
        <v>13</v>
      </c>
      <c r="C14" s="15" t="s">
        <v>64</v>
      </c>
      <c r="D14" s="17" t="s">
        <v>94</v>
      </c>
      <c r="E14" s="15">
        <v>76120</v>
      </c>
      <c r="F14" s="17" t="s">
        <v>129</v>
      </c>
      <c r="G14" s="15" t="s">
        <v>151</v>
      </c>
      <c r="H14" s="15"/>
      <c r="I14" s="15" t="s">
        <v>182</v>
      </c>
      <c r="J14" s="15"/>
      <c r="K14" s="15"/>
    </row>
    <row r="15" spans="1:11" ht="19.899999999999999" customHeight="1">
      <c r="A15" s="13" t="s">
        <v>32</v>
      </c>
      <c r="B15" s="8" t="s">
        <v>13</v>
      </c>
      <c r="C15" s="15" t="s">
        <v>65</v>
      </c>
      <c r="D15" s="17" t="s">
        <v>95</v>
      </c>
      <c r="E15" s="15">
        <v>64130</v>
      </c>
      <c r="F15" s="17" t="s">
        <v>130</v>
      </c>
      <c r="G15" s="15" t="s">
        <v>152</v>
      </c>
      <c r="H15" s="15"/>
      <c r="I15" s="15"/>
      <c r="J15" s="15"/>
      <c r="K15" s="15"/>
    </row>
    <row r="16" spans="1:11" ht="19.899999999999999" customHeight="1">
      <c r="A16" s="13" t="s">
        <v>33</v>
      </c>
      <c r="B16" s="8" t="s">
        <v>13</v>
      </c>
      <c r="C16" s="15" t="s">
        <v>66</v>
      </c>
      <c r="D16" s="17" t="s">
        <v>96</v>
      </c>
      <c r="E16" s="15">
        <v>37000</v>
      </c>
      <c r="F16" s="17" t="s">
        <v>131</v>
      </c>
      <c r="G16" s="15" t="s">
        <v>153</v>
      </c>
      <c r="H16" s="15"/>
      <c r="I16" s="15" t="s">
        <v>183</v>
      </c>
      <c r="J16" s="15"/>
      <c r="K16" s="15"/>
    </row>
    <row r="17" spans="1:11" ht="19.899999999999999" customHeight="1">
      <c r="A17" s="13" t="s">
        <v>34</v>
      </c>
      <c r="B17" s="8" t="s">
        <v>14</v>
      </c>
      <c r="C17" s="15" t="s">
        <v>67</v>
      </c>
      <c r="D17" s="17" t="s">
        <v>97</v>
      </c>
      <c r="E17" s="15">
        <v>37000</v>
      </c>
      <c r="F17" s="17" t="s">
        <v>131</v>
      </c>
      <c r="G17" s="15" t="s">
        <v>154</v>
      </c>
      <c r="H17" s="15"/>
      <c r="I17" s="15" t="s">
        <v>184</v>
      </c>
      <c r="J17" s="15"/>
      <c r="K17" s="15"/>
    </row>
    <row r="18" spans="1:11" ht="19.899999999999999" customHeight="1">
      <c r="A18" s="13" t="s">
        <v>35</v>
      </c>
      <c r="B18" s="8" t="s">
        <v>208</v>
      </c>
      <c r="C18" s="15" t="s">
        <v>68</v>
      </c>
      <c r="D18" s="17" t="s">
        <v>98</v>
      </c>
      <c r="E18" s="15">
        <v>70000</v>
      </c>
      <c r="F18" s="17" t="s">
        <v>18</v>
      </c>
      <c r="G18" s="15" t="s">
        <v>155</v>
      </c>
      <c r="H18" s="19" t="s">
        <v>172</v>
      </c>
      <c r="I18" s="15" t="s">
        <v>185</v>
      </c>
      <c r="J18" s="15" t="s">
        <v>194</v>
      </c>
      <c r="K18" s="15"/>
    </row>
    <row r="19" spans="1:11" ht="19.899999999999999" customHeight="1">
      <c r="A19" s="13" t="s">
        <v>36</v>
      </c>
      <c r="B19" s="8" t="s">
        <v>13</v>
      </c>
      <c r="C19" s="15" t="s">
        <v>69</v>
      </c>
      <c r="D19" s="17" t="s">
        <v>99</v>
      </c>
      <c r="E19" s="15">
        <v>96110</v>
      </c>
      <c r="F19" s="17" t="s">
        <v>132</v>
      </c>
      <c r="G19" s="15" t="s">
        <v>156</v>
      </c>
      <c r="H19" s="15"/>
      <c r="I19" s="15"/>
      <c r="J19" s="15"/>
      <c r="K19" s="15"/>
    </row>
    <row r="20" spans="1:11" ht="19.899999999999999" customHeight="1">
      <c r="A20" s="13" t="s">
        <v>37</v>
      </c>
      <c r="B20" s="8" t="s">
        <v>13</v>
      </c>
      <c r="C20" s="15" t="s">
        <v>70</v>
      </c>
      <c r="D20" s="17" t="s">
        <v>100</v>
      </c>
      <c r="E20" s="15">
        <v>96000</v>
      </c>
      <c r="F20" s="17" t="s">
        <v>132</v>
      </c>
      <c r="G20" s="15" t="s">
        <v>157</v>
      </c>
      <c r="H20" s="15"/>
      <c r="I20" s="15"/>
      <c r="J20" s="15"/>
      <c r="K20" s="15"/>
    </row>
    <row r="21" spans="1:11" ht="19.899999999999999" customHeight="1">
      <c r="A21" s="13" t="s">
        <v>38</v>
      </c>
      <c r="B21" s="8" t="s">
        <v>208</v>
      </c>
      <c r="C21" s="15" t="s">
        <v>71</v>
      </c>
      <c r="D21" s="17" t="s">
        <v>101</v>
      </c>
      <c r="E21" s="15" t="s">
        <v>117</v>
      </c>
      <c r="F21" s="17" t="s">
        <v>133</v>
      </c>
      <c r="G21" s="15" t="s">
        <v>158</v>
      </c>
      <c r="H21" s="15" t="s">
        <v>173</v>
      </c>
      <c r="I21" s="15" t="s">
        <v>186</v>
      </c>
      <c r="J21" s="15" t="s">
        <v>195</v>
      </c>
      <c r="K21" s="15" t="s">
        <v>204</v>
      </c>
    </row>
    <row r="22" spans="1:11" ht="19.899999999999999" customHeight="1">
      <c r="A22" s="13" t="s">
        <v>39</v>
      </c>
      <c r="B22" s="8" t="s">
        <v>14</v>
      </c>
      <c r="C22" s="15" t="s">
        <v>72</v>
      </c>
      <c r="D22" s="17" t="s">
        <v>102</v>
      </c>
      <c r="E22" s="15">
        <v>56000</v>
      </c>
      <c r="F22" s="17" t="s">
        <v>20</v>
      </c>
      <c r="G22" s="15" t="s">
        <v>159</v>
      </c>
      <c r="H22" s="15"/>
      <c r="I22" s="15" t="s">
        <v>187</v>
      </c>
      <c r="J22" s="15" t="s">
        <v>196</v>
      </c>
      <c r="K22" s="15"/>
    </row>
    <row r="23" spans="1:11" ht="19.899999999999999" customHeight="1">
      <c r="A23" s="13" t="s">
        <v>41</v>
      </c>
      <c r="B23" s="8" t="s">
        <v>13</v>
      </c>
      <c r="C23" s="15" t="s">
        <v>73</v>
      </c>
      <c r="D23" s="17" t="s">
        <v>103</v>
      </c>
      <c r="E23" s="15" t="s">
        <v>118</v>
      </c>
      <c r="F23" s="17" t="s">
        <v>134</v>
      </c>
      <c r="G23" s="15" t="s">
        <v>160</v>
      </c>
      <c r="H23" s="15" t="s">
        <v>174</v>
      </c>
      <c r="I23" s="15" t="s">
        <v>188</v>
      </c>
      <c r="J23" s="15" t="s">
        <v>197</v>
      </c>
      <c r="K23" s="15"/>
    </row>
    <row r="24" spans="1:11" ht="19.899999999999999" customHeight="1">
      <c r="A24" s="13" t="s">
        <v>42</v>
      </c>
      <c r="B24" s="8" t="s">
        <v>13</v>
      </c>
      <c r="C24" s="15" t="s">
        <v>74</v>
      </c>
      <c r="D24" s="17" t="s">
        <v>104</v>
      </c>
      <c r="E24" s="15">
        <v>40000</v>
      </c>
      <c r="F24" s="17" t="s">
        <v>135</v>
      </c>
      <c r="G24" s="15" t="s">
        <v>161</v>
      </c>
      <c r="H24" s="15"/>
      <c r="I24" s="15"/>
      <c r="J24" s="15"/>
      <c r="K24" s="15"/>
    </row>
    <row r="25" spans="1:11" ht="19.899999999999999" customHeight="1">
      <c r="A25" s="13" t="s">
        <v>43</v>
      </c>
      <c r="B25" s="8" t="s">
        <v>208</v>
      </c>
      <c r="C25" s="15" t="s">
        <v>75</v>
      </c>
      <c r="D25" s="17" t="s">
        <v>105</v>
      </c>
      <c r="E25" s="15">
        <v>11130</v>
      </c>
      <c r="F25" s="17" t="s">
        <v>136</v>
      </c>
      <c r="G25" s="15" t="s">
        <v>162</v>
      </c>
      <c r="H25" s="15" t="s">
        <v>175</v>
      </c>
      <c r="I25" s="15" t="s">
        <v>189</v>
      </c>
      <c r="J25" s="15" t="s">
        <v>198</v>
      </c>
      <c r="K25" s="15"/>
    </row>
    <row r="26" spans="1:11" ht="19.899999999999999" customHeight="1">
      <c r="A26" s="13" t="s">
        <v>44</v>
      </c>
      <c r="B26" s="8" t="s">
        <v>13</v>
      </c>
      <c r="C26" s="15" t="s">
        <v>76</v>
      </c>
      <c r="D26" s="17" t="s">
        <v>106</v>
      </c>
      <c r="E26" s="15">
        <v>31110</v>
      </c>
      <c r="F26" s="17" t="s">
        <v>123</v>
      </c>
      <c r="G26" s="17" t="s">
        <v>163</v>
      </c>
      <c r="H26" s="15"/>
      <c r="I26" s="15"/>
      <c r="J26" s="15"/>
      <c r="K26" s="15"/>
    </row>
    <row r="27" spans="1:11" ht="19.899999999999999" customHeight="1">
      <c r="A27" s="13" t="s">
        <v>45</v>
      </c>
      <c r="B27" s="8" t="s">
        <v>13</v>
      </c>
      <c r="C27" s="15" t="s">
        <v>77</v>
      </c>
      <c r="D27" s="17" t="s">
        <v>107</v>
      </c>
      <c r="E27" s="15">
        <v>64130</v>
      </c>
      <c r="F27" s="17" t="s">
        <v>130</v>
      </c>
      <c r="G27" s="15" t="s">
        <v>152</v>
      </c>
      <c r="H27" s="15"/>
      <c r="I27" s="15"/>
      <c r="J27" s="15"/>
      <c r="K27" s="15"/>
    </row>
    <row r="28" spans="1:11" ht="19.899999999999999" customHeight="1">
      <c r="A28" s="13" t="s">
        <v>46</v>
      </c>
      <c r="B28" s="8" t="s">
        <v>14</v>
      </c>
      <c r="C28" s="15"/>
      <c r="D28" s="17" t="s">
        <v>108</v>
      </c>
      <c r="E28" s="15">
        <v>48000</v>
      </c>
      <c r="F28" s="17" t="s">
        <v>137</v>
      </c>
      <c r="G28" s="15"/>
      <c r="H28" s="15"/>
      <c r="I28" s="15"/>
      <c r="J28" s="15"/>
      <c r="K28" s="15"/>
    </row>
    <row r="29" spans="1:11" ht="19.899999999999999" customHeight="1">
      <c r="A29" s="13" t="s">
        <v>47</v>
      </c>
      <c r="B29" s="8" t="s">
        <v>13</v>
      </c>
      <c r="C29" s="15" t="s">
        <v>78</v>
      </c>
      <c r="D29" s="17" t="s">
        <v>109</v>
      </c>
      <c r="E29" s="15">
        <v>39140</v>
      </c>
      <c r="F29" s="17" t="s">
        <v>124</v>
      </c>
      <c r="G29" s="15" t="s">
        <v>164</v>
      </c>
      <c r="H29" s="15"/>
      <c r="I29" s="15"/>
      <c r="J29" s="15"/>
      <c r="K29" s="15"/>
    </row>
    <row r="30" spans="1:11" ht="19.899999999999999" customHeight="1">
      <c r="A30" s="13" t="s">
        <v>48</v>
      </c>
      <c r="B30" s="8" t="s">
        <v>13</v>
      </c>
      <c r="C30" s="15" t="s">
        <v>79</v>
      </c>
      <c r="D30" s="17" t="s">
        <v>110</v>
      </c>
      <c r="E30" s="15">
        <v>35000</v>
      </c>
      <c r="F30" s="17" t="s">
        <v>138</v>
      </c>
      <c r="G30" s="15" t="s">
        <v>165</v>
      </c>
      <c r="H30" s="15"/>
      <c r="I30" s="15"/>
      <c r="J30" s="15"/>
      <c r="K30" s="15"/>
    </row>
    <row r="31" spans="1:11" ht="19.899999999999999" customHeight="1">
      <c r="A31" s="13" t="s">
        <v>49</v>
      </c>
      <c r="B31" s="8" t="s">
        <v>14</v>
      </c>
      <c r="C31" s="15" t="s">
        <v>80</v>
      </c>
      <c r="D31" s="17" t="s">
        <v>111</v>
      </c>
      <c r="E31" s="15">
        <v>35000</v>
      </c>
      <c r="F31" s="17" t="s">
        <v>138</v>
      </c>
      <c r="G31" s="15" t="s">
        <v>166</v>
      </c>
      <c r="H31" s="15" t="s">
        <v>166</v>
      </c>
      <c r="I31" s="15"/>
      <c r="J31" s="15" t="s">
        <v>199</v>
      </c>
      <c r="K31" s="20" t="s">
        <v>205</v>
      </c>
    </row>
    <row r="32" spans="1:11" ht="19.899999999999999" customHeight="1">
      <c r="A32" s="13" t="s">
        <v>50</v>
      </c>
      <c r="B32" s="8" t="s">
        <v>14</v>
      </c>
      <c r="C32" s="15"/>
      <c r="D32" s="17" t="s">
        <v>112</v>
      </c>
      <c r="E32" s="15" t="s">
        <v>119</v>
      </c>
      <c r="F32" s="17" t="s">
        <v>139</v>
      </c>
      <c r="G32" s="15" t="s">
        <v>167</v>
      </c>
      <c r="H32" s="15"/>
      <c r="I32" s="15"/>
      <c r="J32" s="15"/>
      <c r="K32" s="15"/>
    </row>
    <row r="33" spans="1:11" ht="19.899999999999999" customHeight="1">
      <c r="A33" s="13" t="s">
        <v>51</v>
      </c>
      <c r="B33" s="8" t="s">
        <v>13</v>
      </c>
      <c r="C33" s="15" t="s">
        <v>81</v>
      </c>
      <c r="D33" s="17" t="s">
        <v>113</v>
      </c>
      <c r="E33" s="15">
        <v>56000</v>
      </c>
      <c r="F33" s="17" t="s">
        <v>20</v>
      </c>
      <c r="G33" s="15" t="s">
        <v>168</v>
      </c>
      <c r="H33" s="15" t="s">
        <v>176</v>
      </c>
      <c r="I33" s="15" t="s">
        <v>190</v>
      </c>
      <c r="J33" s="15" t="s">
        <v>200</v>
      </c>
      <c r="K33" s="15" t="s">
        <v>206</v>
      </c>
    </row>
    <row r="34" spans="1:11" ht="19.899999999999999" customHeight="1">
      <c r="A34" s="13" t="s">
        <v>52</v>
      </c>
      <c r="B34" s="8" t="s">
        <v>13</v>
      </c>
      <c r="C34" s="15" t="s">
        <v>82</v>
      </c>
      <c r="D34" s="17" t="s">
        <v>114</v>
      </c>
      <c r="E34" s="15" t="s">
        <v>120</v>
      </c>
      <c r="F34" s="17" t="s">
        <v>17</v>
      </c>
      <c r="G34" s="15" t="s">
        <v>169</v>
      </c>
      <c r="H34" s="15"/>
      <c r="I34" s="15" t="s">
        <v>191</v>
      </c>
      <c r="J34" s="15" t="s">
        <v>201</v>
      </c>
      <c r="K34" s="21" t="s">
        <v>207</v>
      </c>
    </row>
    <row r="35" spans="1:11" ht="19.899999999999999" customHeight="1">
      <c r="A35" s="13" t="s">
        <v>53</v>
      </c>
      <c r="B35" s="8" t="s">
        <v>13</v>
      </c>
      <c r="C35" s="15" t="s">
        <v>53</v>
      </c>
      <c r="D35" s="17" t="s">
        <v>115</v>
      </c>
      <c r="E35" s="15">
        <v>85000</v>
      </c>
      <c r="F35" s="17" t="s">
        <v>140</v>
      </c>
      <c r="G35" s="15" t="s">
        <v>170</v>
      </c>
      <c r="H35" s="15"/>
      <c r="I35" s="15"/>
      <c r="J35" s="15"/>
      <c r="K35" s="15"/>
    </row>
    <row r="36" spans="1:11" ht="19.899999999999999" customHeight="1">
      <c r="A36" s="13" t="s">
        <v>54</v>
      </c>
      <c r="B36" s="8" t="s">
        <v>13</v>
      </c>
      <c r="C36" s="15" t="s">
        <v>83</v>
      </c>
      <c r="D36" s="17" t="s">
        <v>116</v>
      </c>
      <c r="E36" s="15">
        <v>80180</v>
      </c>
      <c r="F36" s="17" t="s">
        <v>125</v>
      </c>
      <c r="G36" s="15" t="s">
        <v>171</v>
      </c>
      <c r="H36" s="19" t="s">
        <v>177</v>
      </c>
      <c r="I36" s="15" t="s">
        <v>192</v>
      </c>
      <c r="J36" s="15" t="s">
        <v>202</v>
      </c>
      <c r="K36" s="1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31" r:id="rId1" xr:uid="{381DB16E-40AE-49F8-9C5C-44A2208C3066}"/>
    <hyperlink ref="K34" r:id="rId2" xr:uid="{F0E2F9AA-E2E3-43B5-89A5-790E3313A16E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5:48:13Z</dcterms:modified>
</cp:coreProperties>
</file>